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4 - 2021 - 368. (Príprava) Titánové atraumatické klipy\03. Príprava\05. PTK\01. Odoslanie PTK\"/>
    </mc:Choice>
  </mc:AlternateContent>
  <bookViews>
    <workbookView xWindow="0" yWindow="0" windowWidth="23040" windowHeight="9195"/>
  </bookViews>
  <sheets>
    <sheet name="Cenová ponuka" sheetId="8" r:id="rId1"/>
  </sheets>
  <definedNames>
    <definedName name="_xlnm.Print_Area" localSheetId="0">'Cenová ponuka'!$B$1:$F$16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1" uniqueCount="165">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do 48 hodín od doručenia písomnej objednávky dodávateľovi, </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xxx</t>
  </si>
  <si>
    <t>Titánové atraumatické klipy</t>
  </si>
  <si>
    <t>33141126-9   Podväzovací materiál</t>
  </si>
  <si>
    <t>Titánové atraumatické cievne klipy sú určené na preparáciu a.mammaria na hemostázu-ligovanie bočných cievnych vetiev pri získavaní cievneho štepu na revaskularizáciu myokardu.</t>
  </si>
  <si>
    <t>Titánový atraumatický klip, Typ 1</t>
  </si>
  <si>
    <t>Položka č. 2</t>
  </si>
  <si>
    <t>Položka č. 3</t>
  </si>
  <si>
    <t>Titánový atraumatický klip, Typ 2</t>
  </si>
  <si>
    <t>Titánový atraumatický klip, Typ 3</t>
  </si>
  <si>
    <t>Výška klipu v uzatvorenom stave: min. 3,5 max. 4,0 mm</t>
  </si>
  <si>
    <t>Výška klipu v otvorenom stave: min. 2,5 max. 3,0 mm</t>
  </si>
  <si>
    <t>Celková šírka otvoreného klipu: min. 2,0 max. 2,5 mm</t>
  </si>
  <si>
    <t>Použitie pri operačných výkonoch zahrňujúcich ligovanie cievnych vrstiev a/alebo podviazanie tkanivových štruktúr.</t>
  </si>
  <si>
    <t>Musia byť určené na preparáciu a.mammaria na hemostázuligovanie bočných cievnych vetiev pri získavaní cievneho štepu na revaskularizáciu myokardu.</t>
  </si>
  <si>
    <t>Materiál musí byť vysoko kvalitný (titán) s formou tvaru V, ktorá zabezpečí najskôr distálne uzavretie klipu, čím predíde vytlačeniu cievy z klipu počas jej zaklipovania, čo zabezpečuje bezpečnosť a umožňuje polohovanie klipu v primárnom uvedení v tvare písmena O.</t>
  </si>
  <si>
    <t>Srdcovité tvarovanie drôtu (prierez), atraumatickým tvarom klipu, so zaoblenými hranami a vnútornou drážkou chrániacou pred nožnicovým efektom.</t>
  </si>
  <si>
    <t>Priečne drážky zvyšujúce bezpečnosť klipu proti skĺznutiu, ktoré sú zároveň prevenciou rýchlej nekrotizácie tkaniva v mieste prestrihnutia cievy.</t>
  </si>
  <si>
    <t>Špeciálna lepivá spodná časť zásobníka umožňuje jeho zafixovanie k sterilnej ploche a pohodlné zabitie klipu do klipovača.</t>
  </si>
  <si>
    <t>Samostatné sterilné balenie každej náplne v boxe, minimálne po 6 ks a maximálne 8 ks v jednom samostatnom balení.</t>
  </si>
  <si>
    <t>Možnosť používať magnetickú rezonanciu MRI.</t>
  </si>
  <si>
    <t>Trojuholníkový tvar klipu na priereze pre lepšie uchytenie do klipovača a pre zabránenie jeho vypadnutiu.</t>
  </si>
  <si>
    <t>Zásobník s retenčným pružinovým systémom uchytenia klipu.</t>
  </si>
  <si>
    <t>Farebné balenie klipov zodpovedajúce farebnému značeniu klipovačov.</t>
  </si>
  <si>
    <t>Klipovač</t>
  </si>
  <si>
    <t>15.1</t>
  </si>
  <si>
    <t>kompatibilný s klipmy v danej položke</t>
  </si>
  <si>
    <t>15.2</t>
  </si>
  <si>
    <t>prvý klipovač dodaný s prvou objednávkou</t>
  </si>
  <si>
    <t>15.3</t>
  </si>
  <si>
    <t>každý ďalší klipovač dodaný s objednávkou, ktorá presiahne milník objednaných klipov danej položky. Za milník sa považuje hodnota objednaných klipov 1800 ks, 3600 ks, 5400 ks, ...</t>
  </si>
  <si>
    <t>Položka č. 1 - Titánový atraumatický klip, Typ 1</t>
  </si>
  <si>
    <t>Položka č. 2 - Titánový atraumatický klip, Typ 2</t>
  </si>
  <si>
    <t>Výška klipu v uzatvorenom stave: min. 5,5 max. 6,0 mm</t>
  </si>
  <si>
    <t>Výška klipu v otvorenom stave: min. 4,5 max. 5,0 mm</t>
  </si>
  <si>
    <t>Celková šírka otvoreného klipu: min. 3,0 max. 3,5 mm</t>
  </si>
  <si>
    <t>Položka č. 3 - Titánový atraumatický klip, Typ 3</t>
  </si>
  <si>
    <t>Výška klipu v uzatvorenom stave: min. 8,5 max. 9,0 mm</t>
  </si>
  <si>
    <t>Výška klipu v otvorenom stave: min. 7,0 max. 7,5 mm</t>
  </si>
  <si>
    <t>Celková šírka otvoreného klipu: min. 5,5 max. 6,0 mm</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2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49" fontId="2" fillId="0" borderId="26" xfId="0" applyNumberFormat="1" applyFont="1" applyFill="1" applyBorder="1" applyAlignment="1">
      <alignment horizontal="left" vertical="center" wrapText="1"/>
    </xf>
    <xf numFmtId="49" fontId="2" fillId="0" borderId="27" xfId="0" applyNumberFormat="1"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4" fillId="0" borderId="10" xfId="0" applyNumberFormat="1" applyFont="1" applyFill="1" applyBorder="1" applyAlignment="1">
      <alignment vertical="center" wrapText="1"/>
    </xf>
    <xf numFmtId="0" fontId="2" fillId="0" borderId="0" xfId="0" applyFont="1" applyBorder="1" applyAlignment="1">
      <alignment vertical="center"/>
    </xf>
    <xf numFmtId="49" fontId="4" fillId="0" borderId="20" xfId="0" applyNumberFormat="1" applyFont="1" applyFill="1" applyBorder="1" applyAlignment="1">
      <alignmen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4" fillId="0" borderId="0" xfId="0" applyNumberFormat="1" applyFont="1" applyFill="1" applyAlignment="1">
      <alignment horizontal="left"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3" fontId="13" fillId="0" borderId="10" xfId="0" applyNumberFormat="1" applyFont="1" applyFill="1" applyBorder="1" applyAlignment="1">
      <alignment horizontal="center" vertical="center" wrapText="1"/>
    </xf>
    <xf numFmtId="49" fontId="2" fillId="0" borderId="8" xfId="0" applyNumberFormat="1" applyFont="1" applyBorder="1" applyAlignment="1">
      <alignment horizontal="right" vertical="center"/>
    </xf>
    <xf numFmtId="49" fontId="2" fillId="0" borderId="8" xfId="0" applyNumberFormat="1" applyFont="1" applyFill="1" applyBorder="1" applyAlignment="1">
      <alignment horizontal="center" vertical="center"/>
    </xf>
    <xf numFmtId="49" fontId="2" fillId="0" borderId="8" xfId="0" applyNumberFormat="1" applyFont="1" applyFill="1" applyBorder="1" applyAlignment="1">
      <alignment horizontal="right" vertical="center"/>
    </xf>
    <xf numFmtId="49" fontId="2" fillId="0" borderId="11" xfId="0" applyNumberFormat="1" applyFont="1" applyFill="1" applyBorder="1" applyAlignment="1">
      <alignment horizontal="right" vertical="center"/>
    </xf>
  </cellXfs>
  <cellStyles count="6">
    <cellStyle name="Normálna 2" xfId="2"/>
    <cellStyle name="Normálne" xfId="0" builtinId="0"/>
    <cellStyle name="Normálne 2" xfId="3"/>
    <cellStyle name="normálne 2 2" xfId="1"/>
    <cellStyle name="normálne 2 2 2" xfId="4"/>
    <cellStyle name="Normálne 4" xfId="5"/>
  </cellStyles>
  <dxfs count="2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178"/>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96" t="s">
        <v>50</v>
      </c>
      <c r="C1" s="96"/>
      <c r="D1" s="96"/>
      <c r="E1" s="96"/>
      <c r="F1" s="96"/>
    </row>
    <row r="2" spans="2:6" ht="27.75" customHeight="1" x14ac:dyDescent="0.2">
      <c r="B2" s="95" t="s">
        <v>47</v>
      </c>
      <c r="C2" s="95"/>
      <c r="D2" s="95"/>
      <c r="E2" s="95"/>
      <c r="F2" s="95"/>
    </row>
    <row r="3" spans="2:6" ht="54.75" customHeight="1" x14ac:dyDescent="0.2">
      <c r="B3" s="101" t="s">
        <v>54</v>
      </c>
      <c r="C3" s="101"/>
      <c r="D3" s="101"/>
      <c r="E3" s="101"/>
      <c r="F3" s="101"/>
    </row>
    <row r="4" spans="2:6" ht="24.95" customHeight="1" x14ac:dyDescent="0.2">
      <c r="B4" s="41" t="s">
        <v>53</v>
      </c>
      <c r="C4" s="42"/>
      <c r="D4" s="38"/>
      <c r="E4" s="38"/>
      <c r="F4" s="38"/>
    </row>
    <row r="5" spans="2:6" ht="24.95" customHeight="1" x14ac:dyDescent="0.2">
      <c r="B5" s="41" t="s">
        <v>51</v>
      </c>
      <c r="C5" s="43"/>
      <c r="D5" s="38"/>
      <c r="E5" s="38"/>
      <c r="F5" s="38"/>
    </row>
    <row r="6" spans="2:6" ht="5.0999999999999996" customHeight="1" x14ac:dyDescent="0.2">
      <c r="B6" s="38"/>
      <c r="C6" s="38"/>
      <c r="D6" s="38"/>
      <c r="E6" s="38"/>
      <c r="F6" s="38"/>
    </row>
    <row r="7" spans="2:6" s="2" customFormat="1" ht="20.100000000000001" customHeight="1" x14ac:dyDescent="0.25">
      <c r="B7" s="86" t="s">
        <v>5</v>
      </c>
      <c r="C7" s="86"/>
      <c r="D7" s="86"/>
      <c r="E7" s="86"/>
      <c r="F7" s="86"/>
    </row>
    <row r="8" spans="2:6" s="2" customFormat="1" ht="20.100000000000001" customHeight="1" x14ac:dyDescent="0.25">
      <c r="B8" s="109" t="s">
        <v>9</v>
      </c>
      <c r="C8" s="109"/>
      <c r="D8" s="109"/>
      <c r="E8" s="109"/>
      <c r="F8" s="109"/>
    </row>
    <row r="9" spans="2:6" ht="24.95" customHeight="1" x14ac:dyDescent="0.2">
      <c r="B9" s="117" t="s">
        <v>127</v>
      </c>
      <c r="C9" s="117"/>
      <c r="D9" s="117"/>
      <c r="E9" s="111"/>
      <c r="F9" s="111"/>
    </row>
    <row r="10" spans="2:6" ht="4.5" customHeight="1" x14ac:dyDescent="0.2">
      <c r="B10" s="40"/>
      <c r="C10" s="40"/>
      <c r="D10" s="40"/>
      <c r="E10" s="40"/>
      <c r="F10" s="40"/>
    </row>
    <row r="11" spans="2:6" s="2" customFormat="1" ht="20.100000000000001" customHeight="1" x14ac:dyDescent="0.25">
      <c r="B11" s="110" t="s">
        <v>10</v>
      </c>
      <c r="C11" s="110"/>
      <c r="D11" s="110"/>
      <c r="E11" s="110"/>
      <c r="F11" s="110"/>
    </row>
    <row r="12" spans="2:6" s="2" customFormat="1" ht="20.100000000000001" customHeight="1" x14ac:dyDescent="0.25">
      <c r="B12" s="111" t="s">
        <v>128</v>
      </c>
      <c r="C12" s="111"/>
      <c r="D12" s="111"/>
      <c r="E12" s="44"/>
      <c r="F12" s="44"/>
    </row>
    <row r="13" spans="2:6" s="3" customFormat="1" ht="20.100000000000001" customHeight="1" x14ac:dyDescent="0.25">
      <c r="B13" s="111" t="s">
        <v>27</v>
      </c>
      <c r="C13" s="111"/>
      <c r="D13" s="111"/>
      <c r="E13" s="18"/>
      <c r="F13" s="19"/>
    </row>
    <row r="14" spans="2:6" ht="4.5" customHeight="1" x14ac:dyDescent="0.2">
      <c r="B14" s="45"/>
      <c r="C14" s="45"/>
      <c r="D14" s="45"/>
      <c r="E14" s="40"/>
      <c r="F14" s="40"/>
    </row>
    <row r="15" spans="2:6" ht="20.100000000000001" customHeight="1" x14ac:dyDescent="0.2">
      <c r="B15" s="39" t="s">
        <v>11</v>
      </c>
      <c r="C15" s="20"/>
      <c r="D15" s="20"/>
      <c r="E15" s="21"/>
      <c r="F15" s="21"/>
    </row>
    <row r="16" spans="2:6" s="3" customFormat="1" ht="24.95" customHeight="1" x14ac:dyDescent="0.25">
      <c r="B16" s="99" t="s">
        <v>69</v>
      </c>
      <c r="C16" s="99"/>
      <c r="D16" s="99"/>
      <c r="E16" s="18"/>
      <c r="F16" s="19"/>
    </row>
    <row r="17" spans="2:9" ht="5.0999999999999996" customHeight="1" x14ac:dyDescent="0.2">
      <c r="B17" s="100"/>
      <c r="C17" s="100"/>
      <c r="D17" s="100"/>
      <c r="F17" s="15"/>
    </row>
    <row r="18" spans="2:9" s="2" customFormat="1" ht="20.100000000000001" customHeight="1" x14ac:dyDescent="0.25">
      <c r="B18" s="86" t="s">
        <v>24</v>
      </c>
      <c r="C18" s="86"/>
      <c r="D18" s="86"/>
      <c r="E18" s="86"/>
      <c r="F18" s="86"/>
    </row>
    <row r="19" spans="2:9" ht="33.75" customHeight="1" x14ac:dyDescent="0.2">
      <c r="B19" s="117" t="s">
        <v>129</v>
      </c>
      <c r="C19" s="117"/>
      <c r="D19" s="117"/>
      <c r="E19" s="117"/>
      <c r="F19" s="117"/>
    </row>
    <row r="20" spans="2:9" ht="5.0999999999999996" customHeight="1" x14ac:dyDescent="0.2">
      <c r="B20" s="100"/>
      <c r="C20" s="100"/>
      <c r="D20" s="100"/>
      <c r="F20" s="15"/>
    </row>
    <row r="21" spans="2:9" s="2" customFormat="1" ht="20.100000000000001" customHeight="1" x14ac:dyDescent="0.25">
      <c r="B21" s="86" t="s">
        <v>25</v>
      </c>
      <c r="C21" s="86"/>
      <c r="D21" s="86"/>
      <c r="E21" s="86"/>
      <c r="F21" s="86"/>
    </row>
    <row r="22" spans="2:9" s="9" customFormat="1" ht="20.100000000000001" customHeight="1" x14ac:dyDescent="0.25">
      <c r="B22" s="79" t="s">
        <v>6</v>
      </c>
      <c r="C22" s="79"/>
      <c r="D22" s="79"/>
      <c r="E22" s="79"/>
      <c r="F22" s="79"/>
    </row>
    <row r="23" spans="2:9" s="9" customFormat="1" ht="20.100000000000001" customHeight="1" x14ac:dyDescent="0.25">
      <c r="B23" s="82" t="s">
        <v>18</v>
      </c>
      <c r="C23" s="83"/>
      <c r="D23" s="14"/>
      <c r="E23" s="14"/>
      <c r="F23" s="14"/>
    </row>
    <row r="24" spans="2:9" s="9" customFormat="1" ht="20.100000000000001" customHeight="1" x14ac:dyDescent="0.25">
      <c r="B24" s="13"/>
      <c r="C24" s="13" t="s">
        <v>22</v>
      </c>
      <c r="D24" s="14"/>
      <c r="E24" s="14"/>
      <c r="F24" s="14"/>
    </row>
    <row r="25" spans="2:9" s="9" customFormat="1" ht="20.100000000000001" customHeight="1" x14ac:dyDescent="0.25">
      <c r="B25" s="13"/>
      <c r="C25" s="13" t="s">
        <v>23</v>
      </c>
      <c r="D25" s="14"/>
      <c r="E25" s="14"/>
      <c r="F25" s="14"/>
    </row>
    <row r="26" spans="2:9" s="9" customFormat="1" ht="20.100000000000001" customHeight="1" x14ac:dyDescent="0.25">
      <c r="B26" s="82" t="s">
        <v>19</v>
      </c>
      <c r="C26" s="83"/>
      <c r="D26" s="14"/>
      <c r="E26" s="14"/>
      <c r="F26" s="14"/>
    </row>
    <row r="27" spans="2:9" s="9" customFormat="1" ht="31.5" customHeight="1" x14ac:dyDescent="0.25">
      <c r="B27" s="16" t="s">
        <v>20</v>
      </c>
      <c r="C27" s="80" t="s">
        <v>13</v>
      </c>
      <c r="D27" s="81"/>
      <c r="E27" s="17" t="s">
        <v>12</v>
      </c>
      <c r="F27" s="17" t="s">
        <v>14</v>
      </c>
    </row>
    <row r="28" spans="2:9" s="9" customFormat="1" ht="24.95" customHeight="1" x14ac:dyDescent="0.25">
      <c r="B28" s="46" t="s">
        <v>2</v>
      </c>
      <c r="C28" s="115" t="s">
        <v>130</v>
      </c>
      <c r="D28" s="116"/>
      <c r="E28" s="58" t="s">
        <v>1</v>
      </c>
      <c r="F28" s="120">
        <v>12130</v>
      </c>
      <c r="I28" s="57"/>
    </row>
    <row r="29" spans="2:9" s="9" customFormat="1" ht="24.95" customHeight="1" x14ac:dyDescent="0.25">
      <c r="B29" s="46" t="s">
        <v>131</v>
      </c>
      <c r="C29" s="115" t="s">
        <v>133</v>
      </c>
      <c r="D29" s="116"/>
      <c r="E29" s="58" t="s">
        <v>1</v>
      </c>
      <c r="F29" s="120">
        <v>13600</v>
      </c>
      <c r="I29" s="57"/>
    </row>
    <row r="30" spans="2:9" s="9" customFormat="1" ht="24.95" customHeight="1" x14ac:dyDescent="0.25">
      <c r="B30" s="46" t="s">
        <v>132</v>
      </c>
      <c r="C30" s="115" t="s">
        <v>134</v>
      </c>
      <c r="D30" s="116"/>
      <c r="E30" s="58" t="s">
        <v>1</v>
      </c>
      <c r="F30" s="120">
        <v>1330</v>
      </c>
      <c r="I30" s="57"/>
    </row>
    <row r="31" spans="2:9" s="9" customFormat="1" ht="4.5" customHeight="1" x14ac:dyDescent="0.25">
      <c r="B31" s="14"/>
      <c r="C31" s="14"/>
      <c r="D31" s="14"/>
      <c r="E31" s="14"/>
      <c r="F31" s="14"/>
    </row>
    <row r="32" spans="2:9" s="9" customFormat="1" ht="20.100000000000001" customHeight="1" x14ac:dyDescent="0.25">
      <c r="B32" s="82" t="s">
        <v>21</v>
      </c>
      <c r="C32" s="83"/>
      <c r="D32" s="14"/>
      <c r="E32" s="14"/>
      <c r="F32" s="14"/>
    </row>
    <row r="33" spans="2:7" s="9" customFormat="1" ht="20.100000000000001" customHeight="1" x14ac:dyDescent="0.2">
      <c r="B33" s="10"/>
      <c r="C33" s="9" t="s">
        <v>3</v>
      </c>
      <c r="D33" s="14"/>
      <c r="E33" s="14"/>
      <c r="F33" s="14"/>
    </row>
    <row r="34" spans="2:7" s="9" customFormat="1" ht="20.100000000000001" customHeight="1" x14ac:dyDescent="0.25">
      <c r="B34" s="13"/>
      <c r="C34" s="2" t="s">
        <v>4</v>
      </c>
      <c r="D34" s="14"/>
      <c r="E34" s="14"/>
      <c r="F34" s="14"/>
    </row>
    <row r="35" spans="2:7" ht="5.0999999999999996" customHeight="1" x14ac:dyDescent="0.2"/>
    <row r="36" spans="2:7" s="2" customFormat="1" ht="20.100000000000001" customHeight="1" x14ac:dyDescent="0.25">
      <c r="B36" s="86" t="s">
        <v>26</v>
      </c>
      <c r="C36" s="86"/>
      <c r="D36" s="86"/>
      <c r="E36" s="86"/>
      <c r="F36" s="86"/>
    </row>
    <row r="37" spans="2:7" s="2" customFormat="1" ht="5.0999999999999996" customHeight="1" thickBot="1" x14ac:dyDescent="0.3">
      <c r="B37" s="15"/>
      <c r="D37" s="6"/>
      <c r="E37" s="6"/>
      <c r="F37" s="6"/>
    </row>
    <row r="38" spans="2:7" s="3" customFormat="1" ht="93" customHeight="1" x14ac:dyDescent="0.25">
      <c r="B38" s="87" t="s">
        <v>0</v>
      </c>
      <c r="C38" s="88"/>
      <c r="D38" s="74" t="s">
        <v>28</v>
      </c>
      <c r="E38" s="75"/>
      <c r="F38" s="76"/>
      <c r="G38" s="22"/>
    </row>
    <row r="39" spans="2:7" s="3" customFormat="1" ht="30" customHeight="1" thickBot="1" x14ac:dyDescent="0.3">
      <c r="B39" s="89"/>
      <c r="C39" s="90"/>
      <c r="D39" s="23" t="s">
        <v>29</v>
      </c>
      <c r="E39" s="77" t="s">
        <v>30</v>
      </c>
      <c r="F39" s="78"/>
    </row>
    <row r="40" spans="2:7" s="24" customFormat="1" ht="30.75" customHeight="1" x14ac:dyDescent="0.25">
      <c r="B40" s="112" t="s">
        <v>156</v>
      </c>
      <c r="C40" s="113"/>
      <c r="D40" s="113"/>
      <c r="E40" s="113"/>
      <c r="F40" s="114"/>
    </row>
    <row r="41" spans="2:7" s="4" customFormat="1" ht="27" customHeight="1" x14ac:dyDescent="0.25">
      <c r="B41" s="54" t="s">
        <v>16</v>
      </c>
      <c r="C41" s="67" t="s">
        <v>135</v>
      </c>
      <c r="D41" s="48"/>
      <c r="E41" s="70"/>
      <c r="F41" s="71"/>
    </row>
    <row r="42" spans="2:7" s="4" customFormat="1" ht="27" customHeight="1" x14ac:dyDescent="0.25">
      <c r="B42" s="54" t="s">
        <v>59</v>
      </c>
      <c r="C42" s="67" t="s">
        <v>136</v>
      </c>
      <c r="D42" s="48"/>
      <c r="E42" s="72"/>
      <c r="F42" s="73"/>
    </row>
    <row r="43" spans="2:7" s="4" customFormat="1" ht="27" customHeight="1" x14ac:dyDescent="0.25">
      <c r="B43" s="54" t="s">
        <v>60</v>
      </c>
      <c r="C43" s="67" t="s">
        <v>137</v>
      </c>
      <c r="D43" s="48"/>
      <c r="E43" s="70"/>
      <c r="F43" s="71"/>
    </row>
    <row r="44" spans="2:7" s="4" customFormat="1" ht="27" customHeight="1" x14ac:dyDescent="0.25">
      <c r="B44" s="54" t="s">
        <v>61</v>
      </c>
      <c r="C44" s="67" t="s">
        <v>138</v>
      </c>
      <c r="D44" s="48"/>
      <c r="E44" s="70"/>
      <c r="F44" s="71"/>
    </row>
    <row r="45" spans="2:7" s="4" customFormat="1" ht="27" customHeight="1" x14ac:dyDescent="0.25">
      <c r="B45" s="54" t="s">
        <v>62</v>
      </c>
      <c r="C45" s="67" t="s">
        <v>139</v>
      </c>
      <c r="D45" s="48"/>
      <c r="E45" s="70"/>
      <c r="F45" s="71"/>
    </row>
    <row r="46" spans="2:7" s="4" customFormat="1" ht="60" customHeight="1" x14ac:dyDescent="0.25">
      <c r="B46" s="54" t="s">
        <v>63</v>
      </c>
      <c r="C46" s="67" t="s">
        <v>140</v>
      </c>
      <c r="D46" s="48"/>
      <c r="E46" s="70"/>
      <c r="F46" s="71"/>
    </row>
    <row r="47" spans="2:7" s="4" customFormat="1" ht="27" customHeight="1" x14ac:dyDescent="0.25">
      <c r="B47" s="54" t="s">
        <v>71</v>
      </c>
      <c r="C47" s="67" t="s">
        <v>141</v>
      </c>
      <c r="D47" s="48"/>
      <c r="E47" s="70"/>
      <c r="F47" s="71"/>
    </row>
    <row r="48" spans="2:7" s="4" customFormat="1" ht="27" customHeight="1" x14ac:dyDescent="0.25">
      <c r="B48" s="54" t="s">
        <v>64</v>
      </c>
      <c r="C48" s="67" t="s">
        <v>142</v>
      </c>
      <c r="D48" s="48"/>
      <c r="E48" s="70"/>
      <c r="F48" s="71"/>
    </row>
    <row r="49" spans="2:6" s="4" customFormat="1" ht="30.75" customHeight="1" x14ac:dyDescent="0.25">
      <c r="B49" s="54" t="s">
        <v>65</v>
      </c>
      <c r="C49" s="67" t="s">
        <v>143</v>
      </c>
      <c r="D49" s="48"/>
      <c r="E49" s="70"/>
      <c r="F49" s="71"/>
    </row>
    <row r="50" spans="2:6" s="4" customFormat="1" ht="27" customHeight="1" x14ac:dyDescent="0.25">
      <c r="B50" s="54" t="s">
        <v>66</v>
      </c>
      <c r="C50" s="67" t="s">
        <v>144</v>
      </c>
      <c r="D50" s="48"/>
      <c r="E50" s="70"/>
      <c r="F50" s="71"/>
    </row>
    <row r="51" spans="2:6" s="4" customFormat="1" ht="27" customHeight="1" x14ac:dyDescent="0.25">
      <c r="B51" s="54" t="s">
        <v>67</v>
      </c>
      <c r="C51" s="67" t="s">
        <v>145</v>
      </c>
      <c r="D51" s="48"/>
      <c r="E51" s="70"/>
      <c r="F51" s="71"/>
    </row>
    <row r="52" spans="2:6" s="4" customFormat="1" ht="27" customHeight="1" x14ac:dyDescent="0.25">
      <c r="B52" s="54" t="s">
        <v>72</v>
      </c>
      <c r="C52" s="67" t="s">
        <v>146</v>
      </c>
      <c r="D52" s="48"/>
      <c r="E52" s="70"/>
      <c r="F52" s="71"/>
    </row>
    <row r="53" spans="2:6" s="4" customFormat="1" ht="27" customHeight="1" x14ac:dyDescent="0.25">
      <c r="B53" s="54" t="s">
        <v>73</v>
      </c>
      <c r="C53" s="67" t="s">
        <v>147</v>
      </c>
      <c r="D53" s="68"/>
      <c r="E53" s="70"/>
      <c r="F53" s="71"/>
    </row>
    <row r="54" spans="2:6" s="4" customFormat="1" ht="27" customHeight="1" x14ac:dyDescent="0.25">
      <c r="B54" s="54" t="s">
        <v>68</v>
      </c>
      <c r="C54" s="67" t="s">
        <v>148</v>
      </c>
      <c r="D54" s="48"/>
      <c r="E54" s="72"/>
      <c r="F54" s="73"/>
    </row>
    <row r="55" spans="2:6" s="4" customFormat="1" ht="27" customHeight="1" x14ac:dyDescent="0.25">
      <c r="B55" s="54" t="s">
        <v>74</v>
      </c>
      <c r="C55" s="67" t="s">
        <v>149</v>
      </c>
      <c r="D55" s="48"/>
      <c r="E55" s="70"/>
      <c r="F55" s="71"/>
    </row>
    <row r="56" spans="2:6" s="4" customFormat="1" ht="27" customHeight="1" x14ac:dyDescent="0.25">
      <c r="B56" s="121" t="s">
        <v>150</v>
      </c>
      <c r="C56" s="67" t="s">
        <v>151</v>
      </c>
      <c r="D56" s="48"/>
      <c r="E56" s="70"/>
      <c r="F56" s="71"/>
    </row>
    <row r="57" spans="2:6" s="4" customFormat="1" ht="27" customHeight="1" x14ac:dyDescent="0.25">
      <c r="B57" s="121" t="s">
        <v>152</v>
      </c>
      <c r="C57" s="67" t="s">
        <v>153</v>
      </c>
      <c r="D57" s="48"/>
      <c r="E57" s="70"/>
      <c r="F57" s="71"/>
    </row>
    <row r="58" spans="2:6" s="4" customFormat="1" ht="42" customHeight="1" thickBot="1" x14ac:dyDescent="0.3">
      <c r="B58" s="121" t="s">
        <v>154</v>
      </c>
      <c r="C58" s="67" t="s">
        <v>155</v>
      </c>
      <c r="D58" s="48"/>
      <c r="E58" s="70"/>
      <c r="F58" s="71"/>
    </row>
    <row r="59" spans="2:6" s="24" customFormat="1" ht="30.75" customHeight="1" x14ac:dyDescent="0.25">
      <c r="B59" s="112" t="s">
        <v>157</v>
      </c>
      <c r="C59" s="113"/>
      <c r="D59" s="113"/>
      <c r="E59" s="113"/>
      <c r="F59" s="114"/>
    </row>
    <row r="60" spans="2:6" s="4" customFormat="1" ht="27" customHeight="1" x14ac:dyDescent="0.25">
      <c r="B60" s="54" t="s">
        <v>16</v>
      </c>
      <c r="C60" s="67" t="s">
        <v>158</v>
      </c>
      <c r="D60" s="48"/>
      <c r="E60" s="70"/>
      <c r="F60" s="71"/>
    </row>
    <row r="61" spans="2:6" s="4" customFormat="1" ht="27" customHeight="1" x14ac:dyDescent="0.25">
      <c r="B61" s="54" t="s">
        <v>59</v>
      </c>
      <c r="C61" s="67" t="s">
        <v>159</v>
      </c>
      <c r="D61" s="48"/>
      <c r="E61" s="70"/>
      <c r="F61" s="71"/>
    </row>
    <row r="62" spans="2:6" s="4" customFormat="1" ht="27" customHeight="1" x14ac:dyDescent="0.25">
      <c r="B62" s="54" t="s">
        <v>60</v>
      </c>
      <c r="C62" s="67" t="s">
        <v>160</v>
      </c>
      <c r="D62" s="48"/>
      <c r="E62" s="70"/>
      <c r="F62" s="71"/>
    </row>
    <row r="63" spans="2:6" s="4" customFormat="1" ht="27" customHeight="1" x14ac:dyDescent="0.25">
      <c r="B63" s="54" t="s">
        <v>61</v>
      </c>
      <c r="C63" s="67" t="s">
        <v>138</v>
      </c>
      <c r="D63" s="48"/>
      <c r="E63" s="70"/>
      <c r="F63" s="71"/>
    </row>
    <row r="64" spans="2:6" s="4" customFormat="1" ht="27" customHeight="1" x14ac:dyDescent="0.25">
      <c r="B64" s="54" t="s">
        <v>62</v>
      </c>
      <c r="C64" s="67" t="s">
        <v>139</v>
      </c>
      <c r="D64" s="48"/>
      <c r="E64" s="70"/>
      <c r="F64" s="71"/>
    </row>
    <row r="65" spans="2:6" s="4" customFormat="1" ht="60" customHeight="1" x14ac:dyDescent="0.25">
      <c r="B65" s="54" t="s">
        <v>63</v>
      </c>
      <c r="C65" s="67" t="s">
        <v>140</v>
      </c>
      <c r="D65" s="48"/>
      <c r="E65" s="70"/>
      <c r="F65" s="71"/>
    </row>
    <row r="66" spans="2:6" s="4" customFormat="1" ht="27" customHeight="1" x14ac:dyDescent="0.25">
      <c r="B66" s="54" t="s">
        <v>71</v>
      </c>
      <c r="C66" s="67" t="s">
        <v>141</v>
      </c>
      <c r="D66" s="48"/>
      <c r="E66" s="70"/>
      <c r="F66" s="71"/>
    </row>
    <row r="67" spans="2:6" s="4" customFormat="1" ht="27" customHeight="1" x14ac:dyDescent="0.25">
      <c r="B67" s="54" t="s">
        <v>64</v>
      </c>
      <c r="C67" s="67" t="s">
        <v>142</v>
      </c>
      <c r="D67" s="48"/>
      <c r="E67" s="70"/>
      <c r="F67" s="71"/>
    </row>
    <row r="68" spans="2:6" s="4" customFormat="1" ht="27" customHeight="1" x14ac:dyDescent="0.25">
      <c r="B68" s="54" t="s">
        <v>65</v>
      </c>
      <c r="C68" s="67" t="s">
        <v>143</v>
      </c>
      <c r="D68" s="48"/>
      <c r="E68" s="70"/>
      <c r="F68" s="71"/>
    </row>
    <row r="69" spans="2:6" s="4" customFormat="1" ht="27" customHeight="1" x14ac:dyDescent="0.25">
      <c r="B69" s="54" t="s">
        <v>66</v>
      </c>
      <c r="C69" s="67" t="s">
        <v>144</v>
      </c>
      <c r="D69" s="48"/>
      <c r="E69" s="70"/>
      <c r="F69" s="71"/>
    </row>
    <row r="70" spans="2:6" s="4" customFormat="1" ht="27" customHeight="1" x14ac:dyDescent="0.25">
      <c r="B70" s="54" t="s">
        <v>67</v>
      </c>
      <c r="C70" s="67" t="s">
        <v>145</v>
      </c>
      <c r="D70" s="48"/>
      <c r="E70" s="72"/>
      <c r="F70" s="73"/>
    </row>
    <row r="71" spans="2:6" s="4" customFormat="1" ht="41.25" customHeight="1" x14ac:dyDescent="0.25">
      <c r="B71" s="54" t="s">
        <v>72</v>
      </c>
      <c r="C71" s="67" t="s">
        <v>146</v>
      </c>
      <c r="D71" s="48"/>
      <c r="E71" s="70"/>
      <c r="F71" s="71"/>
    </row>
    <row r="72" spans="2:6" s="4" customFormat="1" ht="27" customHeight="1" x14ac:dyDescent="0.25">
      <c r="B72" s="54" t="s">
        <v>73</v>
      </c>
      <c r="C72" s="67" t="s">
        <v>147</v>
      </c>
      <c r="D72" s="48"/>
      <c r="E72" s="70"/>
      <c r="F72" s="71"/>
    </row>
    <row r="73" spans="2:6" s="4" customFormat="1" ht="27" customHeight="1" x14ac:dyDescent="0.25">
      <c r="B73" s="54" t="s">
        <v>68</v>
      </c>
      <c r="C73" s="67" t="s">
        <v>148</v>
      </c>
      <c r="D73" s="48"/>
      <c r="E73" s="70"/>
      <c r="F73" s="71"/>
    </row>
    <row r="74" spans="2:6" s="4" customFormat="1" ht="27" customHeight="1" x14ac:dyDescent="0.25">
      <c r="B74" s="122" t="s">
        <v>74</v>
      </c>
      <c r="C74" s="67" t="s">
        <v>149</v>
      </c>
      <c r="D74" s="48"/>
      <c r="E74" s="70"/>
      <c r="F74" s="71"/>
    </row>
    <row r="75" spans="2:6" s="4" customFormat="1" ht="27" customHeight="1" x14ac:dyDescent="0.25">
      <c r="B75" s="123" t="s">
        <v>150</v>
      </c>
      <c r="C75" s="67" t="s">
        <v>151</v>
      </c>
      <c r="D75" s="48"/>
      <c r="E75" s="70"/>
      <c r="F75" s="71"/>
    </row>
    <row r="76" spans="2:6" s="4" customFormat="1" ht="27" customHeight="1" x14ac:dyDescent="0.25">
      <c r="B76" s="123" t="s">
        <v>152</v>
      </c>
      <c r="C76" s="67" t="s">
        <v>153</v>
      </c>
      <c r="D76" s="48"/>
      <c r="E76" s="70"/>
      <c r="F76" s="71"/>
    </row>
    <row r="77" spans="2:6" s="4" customFormat="1" ht="48" customHeight="1" thickBot="1" x14ac:dyDescent="0.3">
      <c r="B77" s="123" t="s">
        <v>154</v>
      </c>
      <c r="C77" s="67" t="s">
        <v>155</v>
      </c>
      <c r="D77" s="48"/>
      <c r="E77" s="70"/>
      <c r="F77" s="71"/>
    </row>
    <row r="78" spans="2:6" s="24" customFormat="1" ht="30.75" customHeight="1" x14ac:dyDescent="0.25">
      <c r="B78" s="112" t="s">
        <v>161</v>
      </c>
      <c r="C78" s="113"/>
      <c r="D78" s="113"/>
      <c r="E78" s="113"/>
      <c r="F78" s="114"/>
    </row>
    <row r="79" spans="2:6" s="4" customFormat="1" ht="27" customHeight="1" x14ac:dyDescent="0.25">
      <c r="B79" s="54" t="s">
        <v>16</v>
      </c>
      <c r="C79" s="67" t="s">
        <v>162</v>
      </c>
      <c r="D79" s="48"/>
      <c r="E79" s="70"/>
      <c r="F79" s="71"/>
    </row>
    <row r="80" spans="2:6" s="4" customFormat="1" ht="27" customHeight="1" x14ac:dyDescent="0.25">
      <c r="B80" s="54" t="s">
        <v>59</v>
      </c>
      <c r="C80" s="67" t="s">
        <v>163</v>
      </c>
      <c r="D80" s="48"/>
      <c r="E80" s="70"/>
      <c r="F80" s="71"/>
    </row>
    <row r="81" spans="2:6" s="4" customFormat="1" ht="27" customHeight="1" x14ac:dyDescent="0.25">
      <c r="B81" s="54" t="s">
        <v>60</v>
      </c>
      <c r="C81" s="67" t="s">
        <v>164</v>
      </c>
      <c r="D81" s="48"/>
      <c r="E81" s="70"/>
      <c r="F81" s="71"/>
    </row>
    <row r="82" spans="2:6" s="4" customFormat="1" ht="27" customHeight="1" x14ac:dyDescent="0.25">
      <c r="B82" s="54" t="s">
        <v>61</v>
      </c>
      <c r="C82" s="67" t="s">
        <v>138</v>
      </c>
      <c r="D82" s="48"/>
      <c r="E82" s="70"/>
      <c r="F82" s="71"/>
    </row>
    <row r="83" spans="2:6" s="4" customFormat="1" ht="27" customHeight="1" x14ac:dyDescent="0.25">
      <c r="B83" s="54" t="s">
        <v>62</v>
      </c>
      <c r="C83" s="67" t="s">
        <v>139</v>
      </c>
      <c r="D83" s="48"/>
      <c r="E83" s="70"/>
      <c r="F83" s="71"/>
    </row>
    <row r="84" spans="2:6" s="4" customFormat="1" ht="54" customHeight="1" x14ac:dyDescent="0.25">
      <c r="B84" s="54" t="s">
        <v>63</v>
      </c>
      <c r="C84" s="67" t="s">
        <v>140</v>
      </c>
      <c r="D84" s="48"/>
      <c r="E84" s="70"/>
      <c r="F84" s="71"/>
    </row>
    <row r="85" spans="2:6" s="4" customFormat="1" ht="27" customHeight="1" x14ac:dyDescent="0.25">
      <c r="B85" s="54" t="s">
        <v>71</v>
      </c>
      <c r="C85" s="67" t="s">
        <v>141</v>
      </c>
      <c r="D85" s="48"/>
      <c r="E85" s="70"/>
      <c r="F85" s="71"/>
    </row>
    <row r="86" spans="2:6" s="4" customFormat="1" ht="27" customHeight="1" x14ac:dyDescent="0.25">
      <c r="B86" s="54" t="s">
        <v>64</v>
      </c>
      <c r="C86" s="67" t="s">
        <v>142</v>
      </c>
      <c r="D86" s="48"/>
      <c r="E86" s="70"/>
      <c r="F86" s="71"/>
    </row>
    <row r="87" spans="2:6" s="4" customFormat="1" ht="27" customHeight="1" x14ac:dyDescent="0.25">
      <c r="B87" s="54" t="s">
        <v>65</v>
      </c>
      <c r="C87" s="67" t="s">
        <v>143</v>
      </c>
      <c r="D87" s="48"/>
      <c r="E87" s="70"/>
      <c r="F87" s="71"/>
    </row>
    <row r="88" spans="2:6" s="4" customFormat="1" ht="27" customHeight="1" x14ac:dyDescent="0.25">
      <c r="B88" s="54" t="s">
        <v>66</v>
      </c>
      <c r="C88" s="67" t="s">
        <v>144</v>
      </c>
      <c r="D88" s="48"/>
      <c r="E88" s="72"/>
      <c r="F88" s="73"/>
    </row>
    <row r="89" spans="2:6" s="4" customFormat="1" ht="27" customHeight="1" x14ac:dyDescent="0.25">
      <c r="B89" s="54" t="s">
        <v>67</v>
      </c>
      <c r="C89" s="67" t="s">
        <v>145</v>
      </c>
      <c r="D89" s="48"/>
      <c r="E89" s="70"/>
      <c r="F89" s="71"/>
    </row>
    <row r="90" spans="2:6" s="4" customFormat="1" ht="27" customHeight="1" x14ac:dyDescent="0.25">
      <c r="B90" s="54" t="s">
        <v>72</v>
      </c>
      <c r="C90" s="67" t="s">
        <v>146</v>
      </c>
      <c r="D90" s="48"/>
      <c r="E90" s="70"/>
      <c r="F90" s="71"/>
    </row>
    <row r="91" spans="2:6" s="4" customFormat="1" ht="27" customHeight="1" x14ac:dyDescent="0.25">
      <c r="B91" s="54" t="s">
        <v>73</v>
      </c>
      <c r="C91" s="67" t="s">
        <v>147</v>
      </c>
      <c r="D91" s="48"/>
      <c r="E91" s="70"/>
      <c r="F91" s="71"/>
    </row>
    <row r="92" spans="2:6" s="4" customFormat="1" ht="27" customHeight="1" x14ac:dyDescent="0.25">
      <c r="B92" s="54" t="s">
        <v>68</v>
      </c>
      <c r="C92" s="67" t="s">
        <v>148</v>
      </c>
      <c r="D92" s="48"/>
      <c r="E92" s="70"/>
      <c r="F92" s="71"/>
    </row>
    <row r="93" spans="2:6" s="4" customFormat="1" ht="27" customHeight="1" x14ac:dyDescent="0.25">
      <c r="B93" s="122" t="s">
        <v>74</v>
      </c>
      <c r="C93" s="67" t="s">
        <v>149</v>
      </c>
      <c r="D93" s="48"/>
      <c r="E93" s="70"/>
      <c r="F93" s="71"/>
    </row>
    <row r="94" spans="2:6" s="4" customFormat="1" ht="27" customHeight="1" x14ac:dyDescent="0.25">
      <c r="B94" s="123" t="s">
        <v>150</v>
      </c>
      <c r="C94" s="67" t="s">
        <v>151</v>
      </c>
      <c r="D94" s="48"/>
      <c r="E94" s="70"/>
      <c r="F94" s="71"/>
    </row>
    <row r="95" spans="2:6" s="4" customFormat="1" ht="27" customHeight="1" x14ac:dyDescent="0.25">
      <c r="B95" s="123" t="s">
        <v>152</v>
      </c>
      <c r="C95" s="67" t="s">
        <v>153</v>
      </c>
      <c r="D95" s="48"/>
      <c r="E95" s="70"/>
      <c r="F95" s="71"/>
    </row>
    <row r="96" spans="2:6" s="4" customFormat="1" ht="43.5" customHeight="1" thickBot="1" x14ac:dyDescent="0.3">
      <c r="B96" s="124" t="s">
        <v>154</v>
      </c>
      <c r="C96" s="69" t="s">
        <v>155</v>
      </c>
      <c r="D96" s="59"/>
      <c r="E96" s="118"/>
      <c r="F96" s="119"/>
    </row>
    <row r="97" spans="2:6" s="3" customFormat="1" ht="5.0999999999999996" customHeight="1" x14ac:dyDescent="0.25">
      <c r="B97" s="5"/>
      <c r="C97" s="5"/>
      <c r="D97" s="7"/>
      <c r="E97" s="7"/>
      <c r="F97" s="25"/>
    </row>
    <row r="98" spans="2:6" s="2" customFormat="1" ht="20.100000000000001" customHeight="1" x14ac:dyDescent="0.25">
      <c r="B98" s="86" t="s">
        <v>48</v>
      </c>
      <c r="C98" s="86"/>
      <c r="D98" s="86"/>
      <c r="E98" s="86"/>
      <c r="F98" s="86"/>
    </row>
    <row r="99" spans="2:6" s="2" customFormat="1" ht="5.0999999999999996" customHeight="1" thickBot="1" x14ac:dyDescent="0.3">
      <c r="B99" s="15"/>
      <c r="D99" s="6"/>
      <c r="E99" s="6"/>
      <c r="F99" s="6"/>
    </row>
    <row r="100" spans="2:6" s="3" customFormat="1" ht="69" customHeight="1" x14ac:dyDescent="0.25">
      <c r="B100" s="87" t="s">
        <v>8</v>
      </c>
      <c r="C100" s="88"/>
      <c r="D100" s="74" t="s">
        <v>31</v>
      </c>
      <c r="E100" s="75"/>
      <c r="F100" s="76"/>
    </row>
    <row r="101" spans="2:6" s="3" customFormat="1" ht="30" customHeight="1" thickBot="1" x14ac:dyDescent="0.3">
      <c r="B101" s="89"/>
      <c r="C101" s="90"/>
      <c r="D101" s="23" t="s">
        <v>7</v>
      </c>
      <c r="E101" s="91" t="s">
        <v>32</v>
      </c>
      <c r="F101" s="92"/>
    </row>
    <row r="102" spans="2:6" s="2" customFormat="1" ht="42.75" customHeight="1" x14ac:dyDescent="0.25">
      <c r="B102" s="55" t="s">
        <v>84</v>
      </c>
      <c r="C102" s="26" t="s">
        <v>83</v>
      </c>
      <c r="D102" s="48"/>
      <c r="E102" s="93"/>
      <c r="F102" s="94"/>
    </row>
    <row r="103" spans="2:6" s="2" customFormat="1" ht="42" customHeight="1" x14ac:dyDescent="0.25">
      <c r="B103" s="55" t="s">
        <v>59</v>
      </c>
      <c r="C103" s="26" t="s">
        <v>85</v>
      </c>
      <c r="D103" s="48"/>
      <c r="E103" s="93"/>
      <c r="F103" s="94"/>
    </row>
    <row r="104" spans="2:6" s="2" customFormat="1" ht="24" customHeight="1" x14ac:dyDescent="0.25">
      <c r="B104" s="55" t="s">
        <v>60</v>
      </c>
      <c r="C104" s="26" t="s">
        <v>86</v>
      </c>
      <c r="D104" s="48" t="s">
        <v>126</v>
      </c>
      <c r="E104" s="93"/>
      <c r="F104" s="94"/>
    </row>
    <row r="105" spans="2:6" s="2" customFormat="1" ht="24.75" customHeight="1" x14ac:dyDescent="0.25">
      <c r="B105" s="47" t="s">
        <v>87</v>
      </c>
      <c r="C105" s="26" t="s">
        <v>88</v>
      </c>
      <c r="D105" s="48"/>
      <c r="E105" s="93"/>
      <c r="F105" s="94"/>
    </row>
    <row r="106" spans="2:6" s="2" customFormat="1" ht="30.75" customHeight="1" x14ac:dyDescent="0.25">
      <c r="B106" s="47" t="s">
        <v>90</v>
      </c>
      <c r="C106" s="26" t="s">
        <v>89</v>
      </c>
      <c r="D106" s="48"/>
      <c r="E106" s="93"/>
      <c r="F106" s="94"/>
    </row>
    <row r="107" spans="2:6" s="2" customFormat="1" ht="26.25" customHeight="1" x14ac:dyDescent="0.25">
      <c r="B107" s="47" t="s">
        <v>91</v>
      </c>
      <c r="C107" s="26" t="s">
        <v>94</v>
      </c>
      <c r="D107" s="48"/>
      <c r="E107" s="93"/>
      <c r="F107" s="94"/>
    </row>
    <row r="108" spans="2:6" s="2" customFormat="1" ht="44.25" customHeight="1" x14ac:dyDescent="0.25">
      <c r="B108" s="47" t="s">
        <v>92</v>
      </c>
      <c r="C108" s="26" t="s">
        <v>95</v>
      </c>
      <c r="D108" s="48"/>
      <c r="E108" s="93"/>
      <c r="F108" s="94"/>
    </row>
    <row r="109" spans="2:6" s="2" customFormat="1" ht="120" customHeight="1" x14ac:dyDescent="0.25">
      <c r="B109" s="47" t="s">
        <v>93</v>
      </c>
      <c r="C109" s="26" t="s">
        <v>96</v>
      </c>
      <c r="D109" s="48"/>
      <c r="E109" s="93"/>
      <c r="F109" s="94"/>
    </row>
    <row r="110" spans="2:6" s="2" customFormat="1" ht="122.25" customHeight="1" x14ac:dyDescent="0.25">
      <c r="B110" s="55" t="s">
        <v>61</v>
      </c>
      <c r="C110" s="26" t="s">
        <v>97</v>
      </c>
      <c r="D110" s="48"/>
      <c r="E110" s="93"/>
      <c r="F110" s="94"/>
    </row>
    <row r="111" spans="2:6" s="2" customFormat="1" ht="41.25" customHeight="1" x14ac:dyDescent="0.25">
      <c r="B111" s="55" t="s">
        <v>62</v>
      </c>
      <c r="C111" s="26" t="s">
        <v>98</v>
      </c>
      <c r="D111" s="48"/>
      <c r="E111" s="93"/>
      <c r="F111" s="94"/>
    </row>
    <row r="112" spans="2:6" s="2" customFormat="1" ht="66" customHeight="1" x14ac:dyDescent="0.25">
      <c r="B112" s="55" t="s">
        <v>63</v>
      </c>
      <c r="C112" s="26" t="s">
        <v>99</v>
      </c>
      <c r="D112" s="48"/>
      <c r="E112" s="93"/>
      <c r="F112" s="94"/>
    </row>
    <row r="113" spans="2:6" s="2" customFormat="1" ht="70.5" customHeight="1" x14ac:dyDescent="0.25">
      <c r="B113" s="55" t="s">
        <v>71</v>
      </c>
      <c r="C113" s="26" t="s">
        <v>100</v>
      </c>
      <c r="D113" s="48"/>
      <c r="E113" s="93"/>
      <c r="F113" s="94"/>
    </row>
    <row r="114" spans="2:6" s="2" customFormat="1" ht="99" customHeight="1" x14ac:dyDescent="0.25">
      <c r="B114" s="55" t="s">
        <v>64</v>
      </c>
      <c r="C114" s="26" t="s">
        <v>101</v>
      </c>
      <c r="D114" s="48"/>
      <c r="E114" s="93"/>
      <c r="F114" s="94"/>
    </row>
    <row r="115" spans="2:6" s="2" customFormat="1" ht="30.75" customHeight="1" x14ac:dyDescent="0.25">
      <c r="B115" s="60" t="s">
        <v>65</v>
      </c>
      <c r="C115" s="26" t="s">
        <v>102</v>
      </c>
      <c r="D115" s="48"/>
      <c r="E115" s="93"/>
      <c r="F115" s="94"/>
    </row>
    <row r="116" spans="2:6" s="2" customFormat="1" ht="30.75" customHeight="1" x14ac:dyDescent="0.25">
      <c r="B116" s="61"/>
      <c r="C116" s="26" t="s">
        <v>103</v>
      </c>
      <c r="D116" s="48"/>
      <c r="E116" s="93"/>
      <c r="F116" s="94"/>
    </row>
    <row r="117" spans="2:6" s="2" customFormat="1" ht="47.25" customHeight="1" x14ac:dyDescent="0.25">
      <c r="B117" s="61"/>
      <c r="C117" s="26" t="s">
        <v>104</v>
      </c>
      <c r="D117" s="48"/>
      <c r="E117" s="93"/>
      <c r="F117" s="94"/>
    </row>
    <row r="118" spans="2:6" s="2" customFormat="1" ht="30.75" customHeight="1" x14ac:dyDescent="0.25">
      <c r="B118" s="61"/>
      <c r="C118" s="26" t="s">
        <v>105</v>
      </c>
      <c r="D118" s="48"/>
      <c r="E118" s="93"/>
      <c r="F118" s="94"/>
    </row>
    <row r="119" spans="2:6" s="2" customFormat="1" ht="36" customHeight="1" x14ac:dyDescent="0.25">
      <c r="B119" s="62"/>
      <c r="C119" s="26" t="s">
        <v>106</v>
      </c>
      <c r="D119" s="48"/>
      <c r="E119" s="93"/>
      <c r="F119" s="94"/>
    </row>
    <row r="120" spans="2:6" s="2" customFormat="1" ht="48.75" customHeight="1" x14ac:dyDescent="0.25">
      <c r="B120" s="62"/>
      <c r="C120" s="26" t="s">
        <v>107</v>
      </c>
      <c r="D120" s="48"/>
      <c r="E120" s="93"/>
      <c r="F120" s="94"/>
    </row>
    <row r="121" spans="2:6" s="2" customFormat="1" ht="58.5" customHeight="1" x14ac:dyDescent="0.25">
      <c r="B121" s="63"/>
      <c r="C121" s="26" t="s">
        <v>108</v>
      </c>
      <c r="D121" s="48"/>
      <c r="E121" s="93"/>
      <c r="F121" s="94"/>
    </row>
    <row r="122" spans="2:6" s="2" customFormat="1" ht="114" customHeight="1" x14ac:dyDescent="0.25">
      <c r="B122" s="55" t="s">
        <v>66</v>
      </c>
      <c r="C122" s="26" t="s">
        <v>109</v>
      </c>
      <c r="D122" s="48"/>
      <c r="E122" s="93"/>
      <c r="F122" s="94"/>
    </row>
    <row r="123" spans="2:6" s="2" customFormat="1" ht="171.75" customHeight="1" x14ac:dyDescent="0.25">
      <c r="B123" s="55" t="s">
        <v>67</v>
      </c>
      <c r="C123" s="26" t="s">
        <v>112</v>
      </c>
      <c r="D123" s="48"/>
      <c r="E123" s="93"/>
      <c r="F123" s="94"/>
    </row>
    <row r="124" spans="2:6" s="2" customFormat="1" ht="57.75" customHeight="1" x14ac:dyDescent="0.25">
      <c r="B124" s="47" t="s">
        <v>110</v>
      </c>
      <c r="C124" s="26" t="s">
        <v>111</v>
      </c>
      <c r="D124" s="48"/>
      <c r="E124" s="93"/>
      <c r="F124" s="94"/>
    </row>
    <row r="125" spans="2:6" s="2" customFormat="1" ht="54.75" customHeight="1" x14ac:dyDescent="0.25">
      <c r="B125" s="47" t="s">
        <v>114</v>
      </c>
      <c r="C125" s="26" t="s">
        <v>113</v>
      </c>
      <c r="D125" s="48"/>
      <c r="E125" s="93"/>
      <c r="F125" s="94"/>
    </row>
    <row r="126" spans="2:6" s="2" customFormat="1" ht="127.5" customHeight="1" x14ac:dyDescent="0.25">
      <c r="B126" s="55" t="s">
        <v>72</v>
      </c>
      <c r="C126" s="26" t="s">
        <v>115</v>
      </c>
      <c r="D126" s="48"/>
      <c r="E126" s="93"/>
      <c r="F126" s="94"/>
    </row>
    <row r="127" spans="2:6" s="2" customFormat="1" ht="62.25" customHeight="1" x14ac:dyDescent="0.25">
      <c r="B127" s="47" t="s">
        <v>81</v>
      </c>
      <c r="C127" s="26" t="s">
        <v>116</v>
      </c>
      <c r="D127" s="48"/>
      <c r="E127" s="93"/>
      <c r="F127" s="94"/>
    </row>
    <row r="128" spans="2:6" s="2" customFormat="1" ht="153" x14ac:dyDescent="0.25">
      <c r="B128" s="55" t="s">
        <v>73</v>
      </c>
      <c r="C128" s="26" t="s">
        <v>117</v>
      </c>
      <c r="D128" s="48"/>
      <c r="E128" s="93"/>
      <c r="F128" s="94"/>
    </row>
    <row r="129" spans="2:7" s="2" customFormat="1" ht="102" x14ac:dyDescent="0.25">
      <c r="B129" s="55" t="s">
        <v>68</v>
      </c>
      <c r="C129" s="26" t="s">
        <v>118</v>
      </c>
      <c r="D129" s="48"/>
      <c r="E129" s="93"/>
      <c r="F129" s="94"/>
    </row>
    <row r="130" spans="2:7" s="2" customFormat="1" ht="43.5" customHeight="1" x14ac:dyDescent="0.25">
      <c r="B130" s="55" t="s">
        <v>74</v>
      </c>
      <c r="C130" s="26" t="s">
        <v>82</v>
      </c>
      <c r="D130" s="48"/>
      <c r="E130" s="93"/>
      <c r="F130" s="94"/>
    </row>
    <row r="131" spans="2:7" s="2" customFormat="1" ht="55.5" customHeight="1" x14ac:dyDescent="0.25">
      <c r="B131" s="55" t="s">
        <v>75</v>
      </c>
      <c r="C131" s="26" t="s">
        <v>119</v>
      </c>
      <c r="D131" s="48"/>
      <c r="E131" s="93"/>
      <c r="F131" s="94"/>
    </row>
    <row r="132" spans="2:7" s="2" customFormat="1" ht="78.75" customHeight="1" x14ac:dyDescent="0.25">
      <c r="B132" s="55" t="s">
        <v>76</v>
      </c>
      <c r="C132" s="26" t="s">
        <v>120</v>
      </c>
      <c r="D132" s="48"/>
      <c r="E132" s="93"/>
      <c r="F132" s="94"/>
    </row>
    <row r="133" spans="2:7" s="2" customFormat="1" ht="90.75" customHeight="1" x14ac:dyDescent="0.25">
      <c r="B133" s="55" t="s">
        <v>77</v>
      </c>
      <c r="C133" s="26" t="s">
        <v>121</v>
      </c>
      <c r="D133" s="48"/>
      <c r="E133" s="93"/>
      <c r="F133" s="94"/>
    </row>
    <row r="134" spans="2:7" s="2" customFormat="1" ht="93.75" customHeight="1" x14ac:dyDescent="0.25">
      <c r="B134" s="60" t="s">
        <v>78</v>
      </c>
      <c r="C134" s="26" t="s">
        <v>122</v>
      </c>
      <c r="D134" s="48"/>
      <c r="E134" s="93"/>
      <c r="F134" s="94"/>
    </row>
    <row r="135" spans="2:7" s="2" customFormat="1" ht="104.25" customHeight="1" x14ac:dyDescent="0.25">
      <c r="B135" s="64"/>
      <c r="C135" s="26" t="s">
        <v>123</v>
      </c>
      <c r="D135" s="48"/>
      <c r="E135" s="93"/>
      <c r="F135" s="94"/>
    </row>
    <row r="136" spans="2:7" s="2" customFormat="1" ht="132.75" customHeight="1" x14ac:dyDescent="0.25">
      <c r="B136" s="55" t="s">
        <v>79</v>
      </c>
      <c r="C136" s="26" t="s">
        <v>124</v>
      </c>
      <c r="D136" s="48"/>
      <c r="E136" s="93"/>
      <c r="F136" s="94"/>
    </row>
    <row r="137" spans="2:7" s="2" customFormat="1" ht="53.25" customHeight="1" thickBot="1" x14ac:dyDescent="0.3">
      <c r="B137" s="65" t="s">
        <v>80</v>
      </c>
      <c r="C137" s="66" t="s">
        <v>125</v>
      </c>
      <c r="D137" s="59"/>
      <c r="E137" s="84"/>
      <c r="F137" s="85"/>
    </row>
    <row r="138" spans="2:7" s="3" customFormat="1" ht="5.0999999999999996" customHeight="1" x14ac:dyDescent="0.25">
      <c r="B138" s="5"/>
      <c r="C138" s="5"/>
      <c r="D138" s="7"/>
      <c r="E138" s="7"/>
      <c r="F138" s="25"/>
      <c r="G138" s="2"/>
    </row>
    <row r="139" spans="2:7" s="2" customFormat="1" ht="20.100000000000001" customHeight="1" x14ac:dyDescent="0.25">
      <c r="B139" s="86" t="s">
        <v>55</v>
      </c>
      <c r="C139" s="86"/>
      <c r="D139" s="86"/>
      <c r="E139" s="86"/>
      <c r="F139" s="86"/>
    </row>
    <row r="140" spans="2:7" s="2" customFormat="1" ht="4.5" customHeight="1" thickBot="1" x14ac:dyDescent="0.3"/>
    <row r="141" spans="2:7" s="2" customFormat="1" ht="80.25" customHeight="1" x14ac:dyDescent="0.25">
      <c r="B141" s="87" t="s">
        <v>56</v>
      </c>
      <c r="C141" s="88"/>
      <c r="D141" s="74" t="s">
        <v>57</v>
      </c>
      <c r="E141" s="75"/>
      <c r="F141" s="76"/>
    </row>
    <row r="142" spans="2:7" s="3" customFormat="1" ht="29.25" customHeight="1" thickBot="1" x14ac:dyDescent="0.3">
      <c r="B142" s="89"/>
      <c r="C142" s="90"/>
      <c r="D142" s="23" t="s">
        <v>7</v>
      </c>
      <c r="E142" s="91" t="s">
        <v>32</v>
      </c>
      <c r="F142" s="92"/>
      <c r="G142" s="2"/>
    </row>
    <row r="143" spans="2:7" s="3" customFormat="1" ht="27" customHeight="1" x14ac:dyDescent="0.25">
      <c r="B143" s="49" t="s">
        <v>16</v>
      </c>
      <c r="C143" s="50" t="s">
        <v>70</v>
      </c>
      <c r="D143" s="51"/>
      <c r="E143" s="97"/>
      <c r="F143" s="98"/>
      <c r="G143" s="2"/>
    </row>
    <row r="144" spans="2:7" s="3" customFormat="1" ht="30.75" customHeight="1" thickBot="1" x14ac:dyDescent="0.3">
      <c r="B144" s="52" t="s">
        <v>59</v>
      </c>
      <c r="C144" s="56" t="s">
        <v>58</v>
      </c>
      <c r="D144" s="53"/>
      <c r="E144" s="84"/>
      <c r="F144" s="85"/>
      <c r="G144" s="2"/>
    </row>
    <row r="145" spans="2:7" s="2" customFormat="1" ht="5.0999999999999996" customHeight="1" x14ac:dyDescent="0.25">
      <c r="B145" s="5"/>
      <c r="C145" s="5"/>
      <c r="D145" s="7"/>
      <c r="E145" s="7"/>
      <c r="F145" s="25"/>
    </row>
    <row r="146" spans="2:7" s="2" customFormat="1" ht="20.100000000000001" customHeight="1" x14ac:dyDescent="0.25">
      <c r="B146" s="86" t="s">
        <v>15</v>
      </c>
      <c r="C146" s="86"/>
      <c r="D146" s="86"/>
      <c r="E146" s="86"/>
      <c r="F146" s="86"/>
    </row>
    <row r="147" spans="2:7" s="3" customFormat="1" ht="30" customHeight="1" x14ac:dyDescent="0.25">
      <c r="B147" s="5" t="s">
        <v>17</v>
      </c>
      <c r="C147" s="106" t="s">
        <v>49</v>
      </c>
      <c r="D147" s="106"/>
      <c r="E147" s="106"/>
      <c r="F147" s="106"/>
      <c r="G147" s="2"/>
    </row>
    <row r="148" spans="2:7" s="28" customFormat="1" ht="30" customHeight="1" x14ac:dyDescent="0.25">
      <c r="B148" s="5" t="s">
        <v>33</v>
      </c>
      <c r="C148" s="106" t="s">
        <v>34</v>
      </c>
      <c r="D148" s="106"/>
      <c r="E148" s="106"/>
      <c r="F148" s="106"/>
      <c r="G148" s="2"/>
    </row>
    <row r="149" spans="2:7" s="28" customFormat="1" ht="30" customHeight="1" x14ac:dyDescent="0.25">
      <c r="B149" s="107" t="s">
        <v>35</v>
      </c>
      <c r="C149" s="107"/>
      <c r="D149" s="107"/>
      <c r="E149" s="107"/>
      <c r="F149" s="3"/>
      <c r="G149" s="2"/>
    </row>
    <row r="150" spans="2:7" s="2" customFormat="1" ht="24.95" customHeight="1" x14ac:dyDescent="0.25">
      <c r="B150" s="27" t="s">
        <v>36</v>
      </c>
      <c r="C150" s="104"/>
      <c r="D150" s="104"/>
      <c r="F150" s="28"/>
    </row>
    <row r="151" spans="2:7" s="2" customFormat="1" ht="24.95" customHeight="1" x14ac:dyDescent="0.25">
      <c r="B151" s="27" t="s">
        <v>37</v>
      </c>
      <c r="C151" s="104"/>
      <c r="D151" s="104"/>
      <c r="F151" s="28"/>
    </row>
    <row r="152" spans="2:7" s="2" customFormat="1" ht="24.95" customHeight="1" x14ac:dyDescent="0.25">
      <c r="B152" s="27" t="s">
        <v>38</v>
      </c>
      <c r="C152" s="104"/>
      <c r="D152" s="104"/>
      <c r="F152" s="28"/>
    </row>
    <row r="153" spans="2:7" s="3" customFormat="1" ht="24.95" customHeight="1" x14ac:dyDescent="0.25">
      <c r="B153" s="27" t="s">
        <v>39</v>
      </c>
      <c r="C153" s="104"/>
      <c r="D153" s="104"/>
      <c r="E153" s="2"/>
      <c r="F153" s="29"/>
      <c r="G153" s="2"/>
    </row>
    <row r="154" spans="2:7" s="2" customFormat="1" ht="14.25" customHeight="1" x14ac:dyDescent="0.2">
      <c r="B154" s="11"/>
      <c r="C154" s="12"/>
      <c r="D154" s="12"/>
      <c r="F154" s="30"/>
    </row>
    <row r="155" spans="2:7" s="3" customFormat="1" ht="15" customHeight="1" x14ac:dyDescent="0.25">
      <c r="B155" s="108" t="s">
        <v>40</v>
      </c>
      <c r="C155" s="108"/>
      <c r="D155" s="108"/>
      <c r="E155" s="108"/>
      <c r="F155" s="108"/>
    </row>
    <row r="156" spans="2:7" s="2" customFormat="1" ht="36.75" customHeight="1" x14ac:dyDescent="0.25">
      <c r="B156" s="105" t="s">
        <v>52</v>
      </c>
      <c r="C156" s="105"/>
      <c r="D156" s="105"/>
      <c r="E156" s="105"/>
      <c r="F156" s="105"/>
    </row>
    <row r="157" spans="2:7" s="2" customFormat="1" ht="20.100000000000001" customHeight="1" x14ac:dyDescent="0.2">
      <c r="B157" s="1"/>
      <c r="C157" s="1"/>
      <c r="D157" s="8"/>
      <c r="E157" s="8"/>
    </row>
    <row r="158" spans="2:7" s="3" customFormat="1" ht="4.5" customHeight="1" x14ac:dyDescent="0.2">
      <c r="B158" s="1"/>
      <c r="C158" s="1"/>
      <c r="D158" s="8"/>
      <c r="E158" s="8"/>
      <c r="F158" s="2"/>
    </row>
    <row r="159" spans="2:7" s="3" customFormat="1" ht="20.100000000000001" customHeight="1" x14ac:dyDescent="0.25">
      <c r="B159" s="31" t="s">
        <v>41</v>
      </c>
      <c r="C159" s="32"/>
      <c r="D159" s="33" t="s">
        <v>42</v>
      </c>
      <c r="E159" s="102"/>
      <c r="F159" s="102"/>
    </row>
    <row r="160" spans="2:7" s="3" customFormat="1" ht="20.100000000000001" customHeight="1" x14ac:dyDescent="0.25">
      <c r="B160" s="34"/>
      <c r="C160" s="34"/>
      <c r="D160" s="34"/>
      <c r="E160" s="35"/>
      <c r="F160" s="35"/>
    </row>
    <row r="161" spans="2:6" ht="20.100000000000001" customHeight="1" x14ac:dyDescent="0.2">
      <c r="B161" s="31" t="s">
        <v>43</v>
      </c>
      <c r="C161" s="32"/>
      <c r="D161" s="36" t="s">
        <v>44</v>
      </c>
      <c r="E161" s="103"/>
      <c r="F161" s="103"/>
    </row>
    <row r="162" spans="2:6" s="2" customFormat="1" ht="20.100000000000001" customHeight="1" x14ac:dyDescent="0.2">
      <c r="B162" s="1"/>
      <c r="C162" s="1"/>
      <c r="D162" s="36" t="s">
        <v>45</v>
      </c>
      <c r="E162" s="104"/>
      <c r="F162" s="104"/>
    </row>
    <row r="163" spans="2:6" s="2" customFormat="1" ht="20.100000000000001" customHeight="1" x14ac:dyDescent="0.2">
      <c r="B163" s="1"/>
      <c r="C163" s="1"/>
      <c r="D163" s="37" t="s">
        <v>46</v>
      </c>
      <c r="E163" s="1"/>
    </row>
    <row r="164" spans="2:6" s="2" customFormat="1" ht="37.5" customHeight="1" x14ac:dyDescent="0.25"/>
    <row r="165" spans="2:6" s="2" customFormat="1" ht="24" customHeight="1" x14ac:dyDescent="0.25"/>
    <row r="166" spans="2:6" s="2" customFormat="1" ht="24" customHeight="1" x14ac:dyDescent="0.25"/>
    <row r="167" spans="2:6" s="2" customFormat="1" ht="24" customHeight="1" x14ac:dyDescent="0.25"/>
    <row r="168" spans="2:6" s="2" customFormat="1" ht="20.100000000000001" customHeight="1" x14ac:dyDescent="0.25"/>
    <row r="169" spans="2:6" s="2" customFormat="1" ht="20.100000000000001" customHeight="1" x14ac:dyDescent="0.25"/>
    <row r="170" spans="2:6" s="2" customFormat="1" ht="50.1" customHeight="1" x14ac:dyDescent="0.25"/>
    <row r="171" spans="2:6" s="2" customFormat="1" ht="43.5" customHeight="1" x14ac:dyDescent="0.25"/>
    <row r="172" spans="2:6" ht="24.75" customHeight="1" x14ac:dyDescent="0.2">
      <c r="B172" s="2"/>
      <c r="C172" s="2"/>
      <c r="D172" s="2"/>
      <c r="E172" s="2"/>
    </row>
    <row r="173" spans="2:6" x14ac:dyDescent="0.2">
      <c r="B173" s="2"/>
      <c r="C173" s="2"/>
      <c r="D173" s="2"/>
      <c r="E173" s="2"/>
    </row>
    <row r="174" spans="2:6" ht="20.100000000000001" customHeight="1" x14ac:dyDescent="0.2"/>
    <row r="175" spans="2:6" ht="4.5" customHeight="1" x14ac:dyDescent="0.2"/>
    <row r="176" spans="2:6" ht="20.100000000000001" customHeight="1" x14ac:dyDescent="0.2"/>
    <row r="177" ht="20.100000000000001" customHeight="1" x14ac:dyDescent="0.2"/>
    <row r="178" ht="20.100000000000001" customHeight="1" x14ac:dyDescent="0.2"/>
  </sheetData>
  <mergeCells count="144">
    <mergeCell ref="B9:D9"/>
    <mergeCell ref="E9:F9"/>
    <mergeCell ref="C28:D28"/>
    <mergeCell ref="C29:D29"/>
    <mergeCell ref="B59:F59"/>
    <mergeCell ref="B78:F78"/>
    <mergeCell ref="E112:F112"/>
    <mergeCell ref="E113:F113"/>
    <mergeCell ref="E114:F114"/>
    <mergeCell ref="E115:F115"/>
    <mergeCell ref="E116:F116"/>
    <mergeCell ref="E117:F117"/>
    <mergeCell ref="E118:F118"/>
    <mergeCell ref="E119:F119"/>
    <mergeCell ref="E130:F130"/>
    <mergeCell ref="E131:F131"/>
    <mergeCell ref="E132:F132"/>
    <mergeCell ref="E133:F133"/>
    <mergeCell ref="E134:F134"/>
    <mergeCell ref="E135:F135"/>
    <mergeCell ref="E136:F136"/>
    <mergeCell ref="E137:F137"/>
    <mergeCell ref="E120:F120"/>
    <mergeCell ref="E121:F121"/>
    <mergeCell ref="E122:F122"/>
    <mergeCell ref="E123:F123"/>
    <mergeCell ref="E124:F124"/>
    <mergeCell ref="E125:F125"/>
    <mergeCell ref="E126:F126"/>
    <mergeCell ref="E127:F127"/>
    <mergeCell ref="E128:F128"/>
    <mergeCell ref="E129:F129"/>
    <mergeCell ref="E94:F94"/>
    <mergeCell ref="E95:F95"/>
    <mergeCell ref="E96:F96"/>
    <mergeCell ref="B8:F8"/>
    <mergeCell ref="B11:F11"/>
    <mergeCell ref="B12:D12"/>
    <mergeCell ref="E102:F102"/>
    <mergeCell ref="B40:F40"/>
    <mergeCell ref="E41:F41"/>
    <mergeCell ref="E88:F88"/>
    <mergeCell ref="C30:D30"/>
    <mergeCell ref="B13:D13"/>
    <mergeCell ref="B36:F36"/>
    <mergeCell ref="B38:C39"/>
    <mergeCell ref="E42:F42"/>
    <mergeCell ref="E43:F43"/>
    <mergeCell ref="E44:F44"/>
    <mergeCell ref="B19:F19"/>
    <mergeCell ref="B20:D20"/>
    <mergeCell ref="E52:F52"/>
    <mergeCell ref="E89:F89"/>
    <mergeCell ref="E90:F90"/>
    <mergeCell ref="E91:F91"/>
    <mergeCell ref="E159:F159"/>
    <mergeCell ref="E161:F161"/>
    <mergeCell ref="E162:F162"/>
    <mergeCell ref="B156:F156"/>
    <mergeCell ref="B146:F146"/>
    <mergeCell ref="C147:F147"/>
    <mergeCell ref="C148:F148"/>
    <mergeCell ref="B149:E149"/>
    <mergeCell ref="B155:F155"/>
    <mergeCell ref="C150:D150"/>
    <mergeCell ref="C151:D151"/>
    <mergeCell ref="C152:D152"/>
    <mergeCell ref="C153:D153"/>
    <mergeCell ref="B2:F2"/>
    <mergeCell ref="B1:F1"/>
    <mergeCell ref="B23:C23"/>
    <mergeCell ref="B26:C26"/>
    <mergeCell ref="E143:F143"/>
    <mergeCell ref="E105:F105"/>
    <mergeCell ref="E106:F106"/>
    <mergeCell ref="E107:F107"/>
    <mergeCell ref="E108:F108"/>
    <mergeCell ref="E109:F109"/>
    <mergeCell ref="E110:F110"/>
    <mergeCell ref="E111:F111"/>
    <mergeCell ref="E104:F104"/>
    <mergeCell ref="B98:F98"/>
    <mergeCell ref="B100:C101"/>
    <mergeCell ref="D100:F100"/>
    <mergeCell ref="E101:F101"/>
    <mergeCell ref="E47:F47"/>
    <mergeCell ref="B21:F21"/>
    <mergeCell ref="B16:D16"/>
    <mergeCell ref="B17:D17"/>
    <mergeCell ref="B18:F18"/>
    <mergeCell ref="B3:F3"/>
    <mergeCell ref="B7:F7"/>
    <mergeCell ref="E144:F144"/>
    <mergeCell ref="B139:F139"/>
    <mergeCell ref="B141:C142"/>
    <mergeCell ref="D141:F141"/>
    <mergeCell ref="E142:F142"/>
    <mergeCell ref="E50:F50"/>
    <mergeCell ref="E51:F51"/>
    <mergeCell ref="E103:F103"/>
    <mergeCell ref="E54:F54"/>
    <mergeCell ref="E55:F55"/>
    <mergeCell ref="E56:F56"/>
    <mergeCell ref="E57:F57"/>
    <mergeCell ref="E62:F62"/>
    <mergeCell ref="E58:F58"/>
    <mergeCell ref="E60:F60"/>
    <mergeCell ref="E61:F61"/>
    <mergeCell ref="E63:F63"/>
    <mergeCell ref="E64:F64"/>
    <mergeCell ref="E65:F65"/>
    <mergeCell ref="E66:F66"/>
    <mergeCell ref="E67:F67"/>
    <mergeCell ref="E68:F68"/>
    <mergeCell ref="E92:F92"/>
    <mergeCell ref="E53:F53"/>
    <mergeCell ref="E45:F45"/>
    <mergeCell ref="E46:F46"/>
    <mergeCell ref="E48:F48"/>
    <mergeCell ref="E49:F49"/>
    <mergeCell ref="D38:F38"/>
    <mergeCell ref="E39:F39"/>
    <mergeCell ref="B22:F22"/>
    <mergeCell ref="C27:D27"/>
    <mergeCell ref="B32:C32"/>
    <mergeCell ref="E93:F93"/>
    <mergeCell ref="E69:F69"/>
    <mergeCell ref="E70:F70"/>
    <mergeCell ref="E71:F71"/>
    <mergeCell ref="E86:F86"/>
    <mergeCell ref="E87:F87"/>
    <mergeCell ref="E81:F81"/>
    <mergeCell ref="E82:F82"/>
    <mergeCell ref="E83:F83"/>
    <mergeCell ref="E84:F84"/>
    <mergeCell ref="E85:F85"/>
    <mergeCell ref="E72:F72"/>
    <mergeCell ref="E73:F73"/>
    <mergeCell ref="E74:F74"/>
    <mergeCell ref="E75:F75"/>
    <mergeCell ref="E76:F76"/>
    <mergeCell ref="E77:F77"/>
    <mergeCell ref="E79:F79"/>
    <mergeCell ref="E80:F80"/>
  </mergeCells>
  <conditionalFormatting sqref="D47 D111:D113 D115:D137 D50:D52 D54:D58 D71:D77 D42 D60:D69 D79:D87">
    <cfRule type="containsBlanks" dxfId="23" priority="117">
      <formula>LEN(TRIM(D42))=0</formula>
    </cfRule>
  </conditionalFormatting>
  <conditionalFormatting sqref="E161:F161">
    <cfRule type="containsBlanks" dxfId="22" priority="116">
      <formula>LEN(TRIM(E161))=0</formula>
    </cfRule>
  </conditionalFormatting>
  <conditionalFormatting sqref="C159">
    <cfRule type="containsBlanks" dxfId="21" priority="114">
      <formula>LEN(TRIM(C159))=0</formula>
    </cfRule>
  </conditionalFormatting>
  <conditionalFormatting sqref="E162:F162">
    <cfRule type="containsBlanks" dxfId="20" priority="115">
      <formula>LEN(TRIM(E162))=0</formula>
    </cfRule>
  </conditionalFormatting>
  <conditionalFormatting sqref="C161">
    <cfRule type="containsBlanks" dxfId="19" priority="113">
      <formula>LEN(TRIM(C161))=0</formula>
    </cfRule>
  </conditionalFormatting>
  <conditionalFormatting sqref="C4:C5">
    <cfRule type="containsBlanks" dxfId="18" priority="112">
      <formula>LEN(TRIM(C4))=0</formula>
    </cfRule>
  </conditionalFormatting>
  <conditionalFormatting sqref="D41">
    <cfRule type="containsBlanks" dxfId="17" priority="111">
      <formula>LEN(TRIM(D41))=0</formula>
    </cfRule>
  </conditionalFormatting>
  <conditionalFormatting sqref="D143">
    <cfRule type="containsBlanks" dxfId="16" priority="106">
      <formula>LEN(TRIM(D143))=0</formula>
    </cfRule>
  </conditionalFormatting>
  <conditionalFormatting sqref="C152:D152">
    <cfRule type="containsBlanks" dxfId="15" priority="102">
      <formula>LEN(TRIM(C152))=0</formula>
    </cfRule>
  </conditionalFormatting>
  <conditionalFormatting sqref="D44">
    <cfRule type="containsBlanks" dxfId="14" priority="87">
      <formula>LEN(TRIM(D44))=0</formula>
    </cfRule>
  </conditionalFormatting>
  <conditionalFormatting sqref="D45">
    <cfRule type="containsBlanks" dxfId="13" priority="86">
      <formula>LEN(TRIM(D45))=0</formula>
    </cfRule>
  </conditionalFormatting>
  <conditionalFormatting sqref="D46">
    <cfRule type="containsBlanks" dxfId="12" priority="85">
      <formula>LEN(TRIM(D46))=0</formula>
    </cfRule>
  </conditionalFormatting>
  <conditionalFormatting sqref="D43">
    <cfRule type="containsBlanks" dxfId="11" priority="83">
      <formula>LEN(TRIM(D43))=0</formula>
    </cfRule>
  </conditionalFormatting>
  <conditionalFormatting sqref="D48">
    <cfRule type="containsBlanks" dxfId="10" priority="82">
      <formula>LEN(TRIM(D48))=0</formula>
    </cfRule>
  </conditionalFormatting>
  <conditionalFormatting sqref="D49">
    <cfRule type="containsBlanks" dxfId="9" priority="80">
      <formula>LEN(TRIM(D49))=0</formula>
    </cfRule>
  </conditionalFormatting>
  <conditionalFormatting sqref="D89:D96">
    <cfRule type="containsBlanks" dxfId="8" priority="58">
      <formula>LEN(TRIM(D89))=0</formula>
    </cfRule>
  </conditionalFormatting>
  <conditionalFormatting sqref="C151:D151">
    <cfRule type="containsBlanks" dxfId="7" priority="53">
      <formula>LEN(TRIM(C151))=0</formula>
    </cfRule>
  </conditionalFormatting>
  <conditionalFormatting sqref="C150:D150">
    <cfRule type="containsBlanks" dxfId="6" priority="52">
      <formula>LEN(TRIM(C150))=0</formula>
    </cfRule>
  </conditionalFormatting>
  <conditionalFormatting sqref="C153:D153">
    <cfRule type="containsBlanks" dxfId="5" priority="51">
      <formula>LEN(TRIM(C153))=0</formula>
    </cfRule>
  </conditionalFormatting>
  <conditionalFormatting sqref="D70">
    <cfRule type="containsBlanks" dxfId="4" priority="47">
      <formula>LEN(TRIM(D70))=0</formula>
    </cfRule>
  </conditionalFormatting>
  <conditionalFormatting sqref="D102:D110">
    <cfRule type="containsBlanks" dxfId="3" priority="46">
      <formula>LEN(TRIM(D102))=0</formula>
    </cfRule>
  </conditionalFormatting>
  <conditionalFormatting sqref="D144">
    <cfRule type="containsBlanks" dxfId="2" priority="44">
      <formula>LEN(TRIM(D144))=0</formula>
    </cfRule>
  </conditionalFormatting>
  <conditionalFormatting sqref="D114">
    <cfRule type="containsBlanks" dxfId="1" priority="43">
      <formula>LEN(TRIM(D114))=0</formula>
    </cfRule>
  </conditionalFormatting>
  <conditionalFormatting sqref="D88">
    <cfRule type="containsBlanks" dxfId="0" priority="39">
      <formula>LEN(TRIM(D88))=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46" min="1" max="5" man="1"/>
    <brk id="82" min="1" max="5" man="1"/>
    <brk id="111" min="1" max="5" man="1"/>
    <brk id="125" min="1" max="5" man="1"/>
    <brk id="13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10-11T13:08:35Z</cp:lastPrinted>
  <dcterms:created xsi:type="dcterms:W3CDTF">2017-04-21T05:51:15Z</dcterms:created>
  <dcterms:modified xsi:type="dcterms:W3CDTF">2021-10-11T13:09:00Z</dcterms:modified>
</cp:coreProperties>
</file>